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00453407\Downloads\"/>
    </mc:Choice>
  </mc:AlternateContent>
  <bookViews>
    <workbookView xWindow="0" yWindow="0" windowWidth="28800" windowHeight="12696"/>
  </bookViews>
  <sheets>
    <sheet name="Table of values" sheetId="1" r:id="rId1"/>
    <sheet name="3-10KTL M0" sheetId="2" r:id="rId2"/>
    <sheet name="12-20KTL M0" sheetId="3" r:id="rId3"/>
    <sheet name="33KTL-A" sheetId="4" r:id="rId4"/>
    <sheet name="36KTL" sheetId="5" r:id="rId5"/>
    <sheet name="50KTL M0" sheetId="6" r:id="rId6"/>
    <sheet name="60KTL M0" sheetId="7" r:id="rId7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" uniqueCount="33">
  <si>
    <t>3kTL-M0</t>
    <phoneticPr fontId="1" type="noConversion"/>
  </si>
  <si>
    <t>12ktL-M0</t>
    <phoneticPr fontId="1" type="noConversion"/>
  </si>
  <si>
    <t>15ktL-M0</t>
    <phoneticPr fontId="1" type="noConversion"/>
  </si>
  <si>
    <t>17ktL-M0</t>
    <phoneticPr fontId="1" type="noConversion"/>
  </si>
  <si>
    <t>20ktL-M0</t>
    <phoneticPr fontId="1" type="noConversion"/>
  </si>
  <si>
    <t>33ktL-M0</t>
    <phoneticPr fontId="1" type="noConversion"/>
  </si>
  <si>
    <t>36ktL-M0</t>
    <phoneticPr fontId="1" type="noConversion"/>
  </si>
  <si>
    <t>60ktL-M0</t>
    <phoneticPr fontId="1" type="noConversion"/>
  </si>
  <si>
    <t>Flicker values Max 16A</t>
    <phoneticPr fontId="1" type="noConversion"/>
  </si>
  <si>
    <t>Flicker Values&gt;16A</t>
    <phoneticPr fontId="1" type="noConversion"/>
  </si>
  <si>
    <t>Pst</t>
    <phoneticPr fontId="1" type="noConversion"/>
  </si>
  <si>
    <t>Rec.limit</t>
    <phoneticPr fontId="1" type="noConversion"/>
  </si>
  <si>
    <t>EN61000-3-3</t>
    <phoneticPr fontId="1" type="noConversion"/>
  </si>
  <si>
    <t>4ktL-M0</t>
    <phoneticPr fontId="1" type="noConversion"/>
  </si>
  <si>
    <t>5kTL-M0</t>
    <phoneticPr fontId="1" type="noConversion"/>
  </si>
  <si>
    <t>6kTL-M0</t>
    <phoneticPr fontId="1" type="noConversion"/>
  </si>
  <si>
    <t>8kTl-M0</t>
    <phoneticPr fontId="1" type="noConversion"/>
  </si>
  <si>
    <t>10kTl-M0</t>
    <phoneticPr fontId="1" type="noConversion"/>
  </si>
  <si>
    <t>50ktL-M0</t>
  </si>
  <si>
    <t>Plt</t>
  </si>
  <si>
    <t>Pst</t>
  </si>
  <si>
    <t>61000-3-3 /-11 Limit</t>
  </si>
  <si>
    <t>-</t>
  </si>
  <si>
    <t>12-20KTL-M0</t>
  </si>
  <si>
    <t>(tested for 20kW as max result)</t>
  </si>
  <si>
    <t>&lt;0,50</t>
  </si>
  <si>
    <t>&lt;0,35</t>
  </si>
  <si>
    <t>0,39/0,50/0,31</t>
  </si>
  <si>
    <t>0,31/0,35/0,18</t>
  </si>
  <si>
    <t>33KTL-A</t>
  </si>
  <si>
    <t>(from EN50438-TR test)</t>
  </si>
  <si>
    <t>from EMC test report</t>
  </si>
  <si>
    <r>
      <t xml:space="preserve">√EN61000-3-3
</t>
    </r>
    <r>
      <rPr>
        <sz val="10"/>
        <color theme="1"/>
        <rFont val="宋体"/>
        <family val="3"/>
        <charset val="134"/>
      </rPr>
      <t>□</t>
    </r>
    <r>
      <rPr>
        <sz val="10"/>
        <color theme="1"/>
        <rFont val="Calibri"/>
        <family val="2"/>
        <charset val="134"/>
        <scheme val="minor"/>
      </rPr>
      <t>EN61000-3-1-1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>
    <font>
      <sz val="11"/>
      <color theme="1"/>
      <name val="Calibri"/>
      <family val="2"/>
      <charset val="134"/>
      <scheme val="minor"/>
    </font>
    <font>
      <sz val="9"/>
      <name val="Calibri"/>
      <family val="2"/>
      <charset val="134"/>
      <scheme val="minor"/>
    </font>
    <font>
      <b/>
      <sz val="11"/>
      <color theme="1"/>
      <name val="Calibri"/>
      <family val="2"/>
      <scheme val="minor"/>
    </font>
    <font>
      <sz val="10"/>
      <color theme="1"/>
      <name val="Calibri"/>
      <family val="2"/>
      <charset val="134"/>
      <scheme val="minor"/>
    </font>
    <font>
      <sz val="10"/>
      <color theme="1"/>
      <name val="宋体"/>
      <family val="3"/>
      <charset val="134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2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horizontal="center" vertical="center"/>
    </xf>
    <xf numFmtId="2" fontId="3" fillId="0" borderId="1" xfId="0" applyNumberFormat="1" applyFont="1" applyBorder="1" applyAlignment="1">
      <alignment horizontal="center"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6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30480</xdr:rowOff>
    </xdr:from>
    <xdr:to>
      <xdr:col>8</xdr:col>
      <xdr:colOff>64914</xdr:colOff>
      <xdr:row>22</xdr:row>
      <xdr:rowOff>92334</xdr:rowOff>
    </xdr:to>
    <xdr:pic>
      <xdr:nvPicPr>
        <xdr:cNvPr id="6" name="Picture 5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30480"/>
          <a:ext cx="4941714" cy="4085214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30480</xdr:colOff>
      <xdr:row>1</xdr:row>
      <xdr:rowOff>30480</xdr:rowOff>
    </xdr:from>
    <xdr:ext cx="4844000" cy="5750168"/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0480" y="11917680"/>
          <a:ext cx="4844000" cy="5750168"/>
        </a:xfrm>
        <a:prstGeom prst="rect">
          <a:avLst/>
        </a:prstGeom>
      </xdr:spPr>
    </xdr:pic>
    <xdr:clientData/>
  </xdr:one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1</xdr:row>
      <xdr:rowOff>83820</xdr:rowOff>
    </xdr:from>
    <xdr:to>
      <xdr:col>7</xdr:col>
      <xdr:colOff>605691</xdr:colOff>
      <xdr:row>8</xdr:row>
      <xdr:rowOff>18814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266700"/>
          <a:ext cx="4872891" cy="1215154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7</xdr:col>
      <xdr:colOff>541020</xdr:colOff>
      <xdr:row>6</xdr:row>
      <xdr:rowOff>59698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4808220" cy="1156978"/>
        </a:xfrm>
        <a:prstGeom prst="rect">
          <a:avLst/>
        </a:prstGeom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8</xdr:col>
      <xdr:colOff>65138</xdr:colOff>
      <xdr:row>6</xdr:row>
      <xdr:rowOff>123849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4941938" cy="1221129"/>
        </a:xfrm>
        <a:prstGeom prst="rect">
          <a:avLst/>
        </a:prstGeom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7</xdr:col>
      <xdr:colOff>225282</xdr:colOff>
      <xdr:row>16</xdr:row>
      <xdr:rowOff>162265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4492482" cy="308834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0"/>
  <sheetViews>
    <sheetView tabSelected="1" workbookViewId="0">
      <selection activeCell="B13" sqref="B13"/>
    </sheetView>
  </sheetViews>
  <sheetFormatPr defaultColWidth="13.6640625" defaultRowHeight="14.4"/>
  <cols>
    <col min="1" max="1" width="19.5546875" bestFit="1" customWidth="1"/>
    <col min="2" max="2" width="3.44140625" bestFit="1" customWidth="1"/>
    <col min="3" max="3" width="8.109375" bestFit="1" customWidth="1"/>
    <col min="4" max="4" width="7.77734375" bestFit="1" customWidth="1"/>
    <col min="5" max="6" width="8.109375" bestFit="1" customWidth="1"/>
    <col min="7" max="7" width="7.6640625" bestFit="1" customWidth="1"/>
    <col min="8" max="8" width="8.6640625" bestFit="1" customWidth="1"/>
    <col min="9" max="16" width="8.77734375" bestFit="1" customWidth="1"/>
    <col min="17" max="17" width="17.88671875" bestFit="1" customWidth="1"/>
    <col min="18" max="18" width="8.109375" bestFit="1" customWidth="1"/>
    <col min="19" max="19" width="15.21875" customWidth="1"/>
  </cols>
  <sheetData>
    <row r="1" spans="1:19">
      <c r="C1" s="1"/>
    </row>
    <row r="2" spans="1:19">
      <c r="A2" s="4"/>
      <c r="B2" s="4"/>
      <c r="C2" s="4" t="s">
        <v>0</v>
      </c>
      <c r="D2" s="4" t="s">
        <v>13</v>
      </c>
      <c r="E2" s="4" t="s">
        <v>14</v>
      </c>
      <c r="F2" s="4" t="s">
        <v>15</v>
      </c>
      <c r="G2" s="4" t="s">
        <v>16</v>
      </c>
      <c r="H2" s="4" t="s">
        <v>17</v>
      </c>
      <c r="I2" s="4" t="s">
        <v>1</v>
      </c>
      <c r="J2" s="4" t="s">
        <v>2</v>
      </c>
      <c r="K2" s="4" t="s">
        <v>3</v>
      </c>
      <c r="L2" s="4" t="s">
        <v>4</v>
      </c>
      <c r="M2" s="4" t="s">
        <v>5</v>
      </c>
      <c r="N2" s="4" t="s">
        <v>6</v>
      </c>
      <c r="O2" s="4" t="s">
        <v>18</v>
      </c>
      <c r="P2" s="4" t="s">
        <v>7</v>
      </c>
      <c r="Q2" s="4" t="s">
        <v>21</v>
      </c>
      <c r="R2" s="5" t="s">
        <v>11</v>
      </c>
      <c r="S2" s="6"/>
    </row>
    <row r="3" spans="1:19">
      <c r="A3" s="7" t="s">
        <v>8</v>
      </c>
      <c r="B3" s="4" t="s">
        <v>10</v>
      </c>
      <c r="C3" s="4">
        <v>7.0000000000000007E-2</v>
      </c>
      <c r="D3" s="4">
        <v>7.0000000000000007E-2</v>
      </c>
      <c r="E3" s="4">
        <v>7.0000000000000007E-2</v>
      </c>
      <c r="F3" s="4">
        <v>7.0000000000000007E-2</v>
      </c>
      <c r="G3" s="4">
        <v>7.0000000000000007E-2</v>
      </c>
      <c r="H3" s="4">
        <v>0.08</v>
      </c>
      <c r="I3" s="4" t="s">
        <v>22</v>
      </c>
      <c r="J3" s="4" t="s">
        <v>22</v>
      </c>
      <c r="K3" s="4" t="s">
        <v>22</v>
      </c>
      <c r="L3" s="4" t="s">
        <v>22</v>
      </c>
      <c r="M3" s="4" t="s">
        <v>22</v>
      </c>
      <c r="N3" s="4" t="s">
        <v>22</v>
      </c>
      <c r="O3" s="4" t="s">
        <v>22</v>
      </c>
      <c r="P3" s="4" t="s">
        <v>22</v>
      </c>
      <c r="Q3" s="8">
        <v>1</v>
      </c>
      <c r="R3" s="4">
        <v>0.35</v>
      </c>
      <c r="S3" s="7" t="s">
        <v>12</v>
      </c>
    </row>
    <row r="4" spans="1:19">
      <c r="A4" s="7"/>
      <c r="B4" s="4" t="s">
        <v>19</v>
      </c>
      <c r="C4" s="4">
        <v>7.0000000000000007E-2</v>
      </c>
      <c r="D4" s="4">
        <v>7.0000000000000007E-2</v>
      </c>
      <c r="E4" s="4">
        <v>7.0000000000000007E-2</v>
      </c>
      <c r="F4" s="4">
        <v>7.0000000000000007E-2</v>
      </c>
      <c r="G4" s="4">
        <v>7.0000000000000007E-2</v>
      </c>
      <c r="H4" s="4">
        <v>0.08</v>
      </c>
      <c r="I4" s="4" t="s">
        <v>22</v>
      </c>
      <c r="J4" s="4" t="s">
        <v>22</v>
      </c>
      <c r="K4" s="4" t="s">
        <v>22</v>
      </c>
      <c r="L4" s="4" t="s">
        <v>22</v>
      </c>
      <c r="M4" s="4" t="s">
        <v>22</v>
      </c>
      <c r="N4" s="4" t="s">
        <v>22</v>
      </c>
      <c r="O4" s="4" t="s">
        <v>22</v>
      </c>
      <c r="P4" s="4" t="s">
        <v>22</v>
      </c>
      <c r="Q4" s="4">
        <v>0.65</v>
      </c>
      <c r="R4" s="4">
        <v>0.25</v>
      </c>
      <c r="S4" s="7"/>
    </row>
    <row r="5" spans="1:19">
      <c r="A5" s="7" t="s">
        <v>9</v>
      </c>
      <c r="B5" s="4" t="s">
        <v>20</v>
      </c>
      <c r="C5" s="8" t="s">
        <v>22</v>
      </c>
      <c r="D5" s="4" t="s">
        <v>22</v>
      </c>
      <c r="E5" s="4" t="s">
        <v>22</v>
      </c>
      <c r="F5" s="4" t="s">
        <v>22</v>
      </c>
      <c r="G5" s="4" t="s">
        <v>22</v>
      </c>
      <c r="H5" s="4" t="s">
        <v>22</v>
      </c>
      <c r="I5" s="4" t="s">
        <v>25</v>
      </c>
      <c r="J5" s="4" t="s">
        <v>25</v>
      </c>
      <c r="K5" s="4" t="s">
        <v>25</v>
      </c>
      <c r="L5" s="4" t="s">
        <v>25</v>
      </c>
      <c r="M5" s="4">
        <v>0.26</v>
      </c>
      <c r="N5" s="4">
        <v>0.15</v>
      </c>
      <c r="O5" s="4">
        <v>0.36</v>
      </c>
      <c r="P5" s="4">
        <v>0.42</v>
      </c>
      <c r="Q5" s="8">
        <v>1</v>
      </c>
      <c r="R5" s="4">
        <v>0.35</v>
      </c>
      <c r="S5" s="9" t="s">
        <v>32</v>
      </c>
    </row>
    <row r="6" spans="1:19">
      <c r="A6" s="7"/>
      <c r="B6" s="4" t="s">
        <v>19</v>
      </c>
      <c r="C6" s="4" t="s">
        <v>22</v>
      </c>
      <c r="D6" s="4" t="s">
        <v>22</v>
      </c>
      <c r="E6" s="4" t="s">
        <v>22</v>
      </c>
      <c r="F6" s="4" t="s">
        <v>22</v>
      </c>
      <c r="G6" s="4" t="s">
        <v>22</v>
      </c>
      <c r="H6" s="4" t="s">
        <v>22</v>
      </c>
      <c r="I6" s="4" t="s">
        <v>26</v>
      </c>
      <c r="J6" s="4" t="s">
        <v>26</v>
      </c>
      <c r="K6" s="4" t="s">
        <v>26</v>
      </c>
      <c r="L6" s="4" t="s">
        <v>26</v>
      </c>
      <c r="M6" s="8">
        <v>0.2</v>
      </c>
      <c r="N6" s="4">
        <v>0.12</v>
      </c>
      <c r="O6" s="8">
        <v>0.3</v>
      </c>
      <c r="P6" s="4">
        <v>0.36</v>
      </c>
      <c r="Q6" s="4">
        <v>0.65</v>
      </c>
      <c r="R6" s="4">
        <v>0.25</v>
      </c>
      <c r="S6" s="10"/>
    </row>
    <row r="9" spans="1:19">
      <c r="M9" s="2"/>
    </row>
    <row r="10" spans="1:19">
      <c r="M10" s="2"/>
    </row>
  </sheetData>
  <mergeCells count="4">
    <mergeCell ref="A3:A4"/>
    <mergeCell ref="A5:A6"/>
    <mergeCell ref="S3:S4"/>
    <mergeCell ref="S5:S6"/>
  </mergeCells>
  <phoneticPr fontId="1" type="noConversion"/>
  <pageMargins left="0.7" right="0.7" top="0.75" bottom="0.75" header="0.3" footer="0.3"/>
  <pageSetup paperSize="9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3"/>
  <sheetViews>
    <sheetView workbookViewId="0">
      <selection activeCell="L13" sqref="L13"/>
    </sheetView>
  </sheetViews>
  <sheetFormatPr defaultRowHeight="14.4"/>
  <cols>
    <col min="10" max="11" width="12.88671875" bestFit="1" customWidth="1"/>
  </cols>
  <sheetData>
    <row r="33" spans="1:1">
      <c r="A33" s="3"/>
    </row>
  </sheetData>
  <pageMargins left="0.7" right="0.7" top="0.75" bottom="0.75" header="0.3" footer="0.3"/>
  <pageSetup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1"/>
  <sheetViews>
    <sheetView workbookViewId="0">
      <selection activeCell="G2" sqref="G2"/>
    </sheetView>
  </sheetViews>
  <sheetFormatPr defaultRowHeight="14.4"/>
  <sheetData>
    <row r="1" spans="1:11">
      <c r="A1" s="3" t="s">
        <v>23</v>
      </c>
      <c r="C1" t="s">
        <v>24</v>
      </c>
      <c r="G1" t="s">
        <v>31</v>
      </c>
    </row>
    <row r="10" spans="1:11">
      <c r="J10" t="s">
        <v>20</v>
      </c>
      <c r="K10" t="s">
        <v>19</v>
      </c>
    </row>
    <row r="11" spans="1:11">
      <c r="J11" t="s">
        <v>27</v>
      </c>
      <c r="K11" t="s">
        <v>28</v>
      </c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"/>
  <sheetViews>
    <sheetView workbookViewId="0">
      <selection activeCell="B2" sqref="B2"/>
    </sheetView>
  </sheetViews>
  <sheetFormatPr defaultRowHeight="14.4"/>
  <sheetData>
    <row r="1" spans="1:2">
      <c r="A1" t="s">
        <v>29</v>
      </c>
      <c r="B1" t="s">
        <v>30</v>
      </c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/>
  <sheetData/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J22" sqref="J22"/>
    </sheetView>
  </sheetViews>
  <sheetFormatPr defaultRowHeight="14.4"/>
  <sheetData/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/>
  <sheetData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7</vt:i4>
      </vt:variant>
    </vt:vector>
  </HeadingPairs>
  <TitlesOfParts>
    <vt:vector size="7" baseType="lpstr">
      <vt:lpstr>Table of values</vt:lpstr>
      <vt:lpstr>3-10KTL M0</vt:lpstr>
      <vt:lpstr>12-20KTL M0</vt:lpstr>
      <vt:lpstr>33KTL-A</vt:lpstr>
      <vt:lpstr>36KTL</vt:lpstr>
      <vt:lpstr>50KTL M0</vt:lpstr>
      <vt:lpstr>60KTL M0</vt:lpstr>
    </vt:vector>
  </TitlesOfParts>
  <Company>Huawei Technologies Co.,Ltd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angchun (I)</dc:creator>
  <cp:lastModifiedBy>Szymon Witoszek (A)</cp:lastModifiedBy>
  <dcterms:created xsi:type="dcterms:W3CDTF">2019-08-06T12:37:53Z</dcterms:created>
  <dcterms:modified xsi:type="dcterms:W3CDTF">2019-08-08T08:38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readonly">
    <vt:lpwstr/>
  </property>
  <property fmtid="{D5CDD505-2E9C-101B-9397-08002B2CF9AE}" pid="3" name="_change">
    <vt:lpwstr/>
  </property>
  <property fmtid="{D5CDD505-2E9C-101B-9397-08002B2CF9AE}" pid="4" name="_full-control">
    <vt:lpwstr/>
  </property>
  <property fmtid="{D5CDD505-2E9C-101B-9397-08002B2CF9AE}" pid="5" name="sflag">
    <vt:lpwstr>1565252778</vt:lpwstr>
  </property>
</Properties>
</file>